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530"/>
  <workbookPr filterPrivacy="1"/>
  <xr:revisionPtr revIDLastSave="0" documentId="8_{51E8AEDF-8395-4735-A9A3-3AABF1BE29F2}" xr6:coauthVersionLast="47" xr6:coauthVersionMax="47" xr10:uidLastSave="{00000000-0000-0000-0000-000000000000}"/>
  <bookViews>
    <workbookView xWindow="-120" yWindow="-120" windowWidth="38640" windowHeight="21120" activeTab="1" xr2:uid="{00000000-000D-0000-FFFF-FFFF00000000}"/>
  </bookViews>
  <sheets>
    <sheet name="Naslovnica" sheetId="2" r:id="rId1"/>
    <sheet name="Standard Plus krovni prozori" sheetId="1" r:id="rId2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4" uniqueCount="14">
  <si>
    <t>Redni broj</t>
  </si>
  <si>
    <t>Opis stavke</t>
  </si>
  <si>
    <t>Jedinica mjere</t>
  </si>
  <si>
    <t>kom.</t>
  </si>
  <si>
    <t>Potrebne mjere provjeriti na licu mjesta. Ugradnju izvršiti prema uputstvima proizvođača.</t>
  </si>
  <si>
    <t>VELUX rješenja</t>
  </si>
  <si>
    <r>
      <t xml:space="preserve">Obzirom da je krovne prozore moguće ugraditi pojedinačno ili grupno na različite vrste pokrova i s različitim modelima vanjskih i unutarnjih sjenila, </t>
    </r>
    <r>
      <rPr>
        <b/>
        <sz val="10"/>
        <color theme="1"/>
        <rFont val="VELUX Transform Office"/>
      </rPr>
      <t>u opisima su navedene gotovo sve mogućnosti, pa ono što vam nije potrebno - izbrišite.</t>
    </r>
    <r>
      <rPr>
        <sz val="10"/>
        <color theme="1"/>
        <rFont val="VELUX Transform Office"/>
      </rPr>
      <t xml:space="preserve"> </t>
    </r>
  </si>
  <si>
    <t>Opisi sjenila dodani su iza opisa prozora.</t>
  </si>
  <si>
    <t>Ukoliko zatrebate stavke troškovnika za specijalne proizvode, utoliko Vas molimo da nas kontaktirate.</t>
  </si>
  <si>
    <t xml:space="preserve">Molimo vas da izbrišete opcije označene crveno koje vam nisu potrebne! </t>
  </si>
  <si>
    <t xml:space="preserve">Prije izvođenja konstrukcije treba provjeriti upute za ugradnju proizvođača sustava za ravni krov s kupolom.	</t>
  </si>
  <si>
    <r>
      <t>U nastavku se nalaze opisi pojedinih VELUX rješenja (</t>
    </r>
    <r>
      <rPr>
        <b/>
        <sz val="10"/>
        <color theme="1"/>
        <rFont val="VELUX Transform Office"/>
      </rPr>
      <t>druga stranica u ovoj datoteci</t>
    </r>
    <r>
      <rPr>
        <sz val="10"/>
        <color theme="1"/>
        <rFont val="VELUX Transform Office"/>
      </rPr>
      <t>).</t>
    </r>
  </si>
  <si>
    <t>GBL (Energetsko staklo 2015)</t>
  </si>
  <si>
    <r>
      <t>Dobava i ugradnja krovnog prozora dimenzija ---x--- cm, kao VELUX GBL, laminirano drvo zaštićeno bijelim lakom, izvana pokrovni profili od antracit-sivo bojanog aluminija (kao RAL Classic 7043), središnji ovjes, ručka za otvaranje s gornje strane, dvostruko brtvljenje, trostruko energetsko kaljeno staklo  (6.8 mm unutarnje laminirano staklo + 13 mm argon + 3 mm staklo + 13 mm argon + 4mm vanjsko kaljeno), U</t>
    </r>
    <r>
      <rPr>
        <vertAlign val="subscript"/>
        <sz val="10"/>
        <color theme="1"/>
        <rFont val="VELUX Transform Office"/>
      </rPr>
      <t>pr</t>
    </r>
    <r>
      <rPr>
        <sz val="10"/>
        <color theme="1"/>
        <rFont val="VELUX Transform Office"/>
        <family val="2"/>
      </rPr>
      <t>=1.1W/m</t>
    </r>
    <r>
      <rPr>
        <vertAlign val="superscript"/>
        <sz val="10"/>
        <color theme="1"/>
        <rFont val="VELUX Transform Office"/>
      </rPr>
      <t>2</t>
    </r>
    <r>
      <rPr>
        <sz val="10"/>
        <color theme="1"/>
        <rFont val="VELUX Transform Office"/>
        <family val="2"/>
      </rPr>
      <t>K (U</t>
    </r>
    <r>
      <rPr>
        <vertAlign val="subscript"/>
        <sz val="10"/>
        <color theme="1"/>
        <rFont val="VELUX Transform Office"/>
      </rPr>
      <t>st</t>
    </r>
    <r>
      <rPr>
        <sz val="10"/>
        <color theme="1"/>
        <rFont val="VELUX Transform Office"/>
        <family val="2"/>
      </rPr>
      <t>=0.7 W/m</t>
    </r>
    <r>
      <rPr>
        <vertAlign val="superscript"/>
        <sz val="10"/>
        <color theme="1"/>
        <rFont val="VELUX Transform Office"/>
      </rPr>
      <t>2</t>
    </r>
    <r>
      <rPr>
        <sz val="10"/>
        <color theme="1"/>
        <rFont val="VELUX Transform Office"/>
        <family val="2"/>
      </rPr>
      <t>K), R</t>
    </r>
    <r>
      <rPr>
        <vertAlign val="subscript"/>
        <sz val="10"/>
        <color theme="1"/>
        <rFont val="VELUX Transform Office"/>
      </rPr>
      <t>pr</t>
    </r>
    <r>
      <rPr>
        <sz val="10"/>
        <color theme="1"/>
        <rFont val="VELUX Transform Office"/>
        <family val="2"/>
      </rPr>
      <t xml:space="preserve">=35 dB, staklo izrađeno do donjeg ruba krila, ugraditi termo i hidroizolacijski set (kao VELUX BDX); potreban originalni opšav za </t>
    </r>
    <r>
      <rPr>
        <sz val="10"/>
        <rFont val="VELUX Transform Office"/>
      </rPr>
      <t>pojedinač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rFont val="VELUX Transform Office"/>
      </rPr>
      <t>profilirani</t>
    </r>
    <r>
      <rPr>
        <sz val="10"/>
        <color theme="1"/>
        <rFont val="VELUX Transform Office"/>
        <family val="2"/>
      </rPr>
      <t xml:space="preserve"> pokrov, kao VELUX EDG (visina vala do 120 mm)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(dodati opis sjenila).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4" x14ac:knownFonts="1">
    <font>
      <sz val="11"/>
      <color theme="1"/>
      <name val="Aptos Narrow"/>
      <family val="2"/>
      <scheme val="minor"/>
    </font>
    <font>
      <b/>
      <sz val="11"/>
      <color theme="1"/>
      <name val="VELUX Transform Office"/>
    </font>
    <font>
      <sz val="10"/>
      <color theme="1"/>
      <name val="VELUX Transform Office"/>
    </font>
    <font>
      <sz val="10"/>
      <color rgb="FFFF0000"/>
      <name val="VELUX Transform Office"/>
    </font>
    <font>
      <sz val="10"/>
      <color theme="1"/>
      <name val="VELUX Transform Office"/>
      <family val="2"/>
    </font>
    <font>
      <b/>
      <sz val="12"/>
      <color theme="1"/>
      <name val="VELUX Transform Office"/>
    </font>
    <font>
      <sz val="10"/>
      <color theme="1"/>
      <name val="Verdana"/>
      <family val="2"/>
    </font>
    <font>
      <b/>
      <sz val="10"/>
      <color theme="1"/>
      <name val="VELUX Transform Office"/>
    </font>
    <font>
      <sz val="10"/>
      <color rgb="FF000000"/>
      <name val="Verdana"/>
      <family val="2"/>
    </font>
    <font>
      <sz val="11"/>
      <color rgb="FFFF0000"/>
      <name val="Verdana"/>
      <family val="2"/>
    </font>
    <font>
      <i/>
      <u/>
      <sz val="12"/>
      <color rgb="FFFF0000"/>
      <name val="VELUX Transform Office"/>
    </font>
    <font>
      <vertAlign val="subscript"/>
      <sz val="10"/>
      <color theme="1"/>
      <name val="VELUX Transform Office"/>
    </font>
    <font>
      <vertAlign val="superscript"/>
      <sz val="10"/>
      <color theme="1"/>
      <name val="VELUX Transform Office"/>
    </font>
    <font>
      <sz val="10"/>
      <name val="VELUX Transform Office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2">
    <xf numFmtId="0" fontId="0" fillId="0" borderId="0" xfId="0"/>
    <xf numFmtId="0" fontId="1" fillId="0" borderId="0" xfId="0" applyFont="1" applyAlignment="1">
      <alignment vertical="center"/>
    </xf>
    <xf numFmtId="0" fontId="4" fillId="0" borderId="0" xfId="0" applyFont="1" applyAlignment="1">
      <alignment horizontal="right"/>
    </xf>
    <xf numFmtId="0" fontId="4" fillId="0" borderId="0" xfId="0" applyFont="1" applyAlignment="1">
      <alignment vertical="top" wrapText="1"/>
    </xf>
    <xf numFmtId="0" fontId="4" fillId="0" borderId="0" xfId="0" applyFont="1" applyAlignment="1">
      <alignment wrapText="1"/>
    </xf>
    <xf numFmtId="0" fontId="5" fillId="0" borderId="0" xfId="0" applyFont="1"/>
    <xf numFmtId="0" fontId="2" fillId="0" borderId="0" xfId="0" applyFont="1" applyAlignment="1">
      <alignment vertical="center"/>
    </xf>
    <xf numFmtId="0" fontId="6" fillId="0" borderId="0" xfId="0" applyFont="1" applyAlignment="1">
      <alignment vertical="center"/>
    </xf>
    <xf numFmtId="0" fontId="2" fillId="0" borderId="0" xfId="0" applyFont="1" applyAlignment="1">
      <alignment vertical="center" wrapText="1"/>
    </xf>
    <xf numFmtId="0" fontId="8" fillId="0" borderId="0" xfId="0" applyFont="1" applyAlignment="1">
      <alignment vertical="center"/>
    </xf>
    <xf numFmtId="0" fontId="9" fillId="0" borderId="0" xfId="0" applyFont="1" applyAlignment="1">
      <alignment vertical="center"/>
    </xf>
    <xf numFmtId="0" fontId="10" fillId="0" borderId="0" xfId="0" applyFont="1" applyAlignment="1">
      <alignment vertical="center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5726FB9-F434-40F1-B960-A148F6D815BE}">
  <dimension ref="A1:A12"/>
  <sheetViews>
    <sheetView workbookViewId="0">
      <selection activeCell="B13" sqref="B13"/>
    </sheetView>
  </sheetViews>
  <sheetFormatPr defaultRowHeight="15" x14ac:dyDescent="0.25"/>
  <cols>
    <col min="1" max="1" width="78.140625" customWidth="1"/>
  </cols>
  <sheetData>
    <row r="1" spans="1:1" ht="18.75" x14ac:dyDescent="0.35">
      <c r="A1" s="5" t="s">
        <v>5</v>
      </c>
    </row>
    <row r="3" spans="1:1" x14ac:dyDescent="0.25">
      <c r="A3" s="6" t="s">
        <v>11</v>
      </c>
    </row>
    <row r="4" spans="1:1" x14ac:dyDescent="0.25">
      <c r="A4" s="7"/>
    </row>
    <row r="5" spans="1:1" ht="42.75" x14ac:dyDescent="0.25">
      <c r="A5" s="8" t="s">
        <v>6</v>
      </c>
    </row>
    <row r="6" spans="1:1" x14ac:dyDescent="0.25">
      <c r="A6" s="6" t="s">
        <v>7</v>
      </c>
    </row>
    <row r="7" spans="1:1" x14ac:dyDescent="0.25">
      <c r="A7" s="9"/>
    </row>
    <row r="8" spans="1:1" ht="28.5" x14ac:dyDescent="0.25">
      <c r="A8" s="8" t="s">
        <v>8</v>
      </c>
    </row>
    <row r="9" spans="1:1" x14ac:dyDescent="0.25">
      <c r="A9" s="10"/>
    </row>
    <row r="10" spans="1:1" ht="18.75" x14ac:dyDescent="0.25">
      <c r="A10" s="11" t="s">
        <v>9</v>
      </c>
    </row>
    <row r="12" spans="1:1" ht="28.5" x14ac:dyDescent="0.25">
      <c r="A12" s="4" t="s">
        <v>10</v>
      </c>
    </row>
  </sheetData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C4"/>
  <sheetViews>
    <sheetView tabSelected="1" workbookViewId="0">
      <selection activeCell="F20" sqref="F20"/>
    </sheetView>
  </sheetViews>
  <sheetFormatPr defaultRowHeight="15" x14ac:dyDescent="0.25"/>
  <cols>
    <col min="1" max="1" width="11.7109375" bestFit="1" customWidth="1"/>
    <col min="2" max="2" width="55.7109375" customWidth="1"/>
    <col min="3" max="3" width="15.85546875" bestFit="1" customWidth="1"/>
  </cols>
  <sheetData>
    <row r="1" spans="1:3" x14ac:dyDescent="0.25">
      <c r="A1" t="s">
        <v>0</v>
      </c>
      <c r="B1" t="s">
        <v>1</v>
      </c>
      <c r="C1" t="s">
        <v>2</v>
      </c>
    </row>
    <row r="2" spans="1:3" ht="18" x14ac:dyDescent="0.25">
      <c r="A2" s="1">
        <v>1</v>
      </c>
      <c r="B2" s="1" t="s">
        <v>12</v>
      </c>
    </row>
    <row r="3" spans="1:3" ht="187.5" x14ac:dyDescent="0.25">
      <c r="B3" s="3" t="s">
        <v>13</v>
      </c>
      <c r="C3" s="2" t="s">
        <v>3</v>
      </c>
    </row>
    <row r="4" spans="1:3" ht="28.5" x14ac:dyDescent="0.25">
      <c r="B4" s="3" t="s">
        <v>4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CD96FD2-7B7C-4E67-A138-CA8458020614}">
  <ds:schemaRefs/>
</ds:datastoreItem>
</file>

<file path=customXml/itemProps2.xml><?xml version="1.0" encoding="utf-8"?>
<ds:datastoreItem xmlns:ds="http://schemas.openxmlformats.org/officeDocument/2006/customXml" ds:itemID="{65743304-81BF-4E29-8A77-AC4BCD2A8B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Naslovnica</vt:lpstr>
      <vt:lpstr>Standard Plus krovni prozori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6-03-02T07:00:20Z</dcterms:created>
  <dcterms:modified xsi:type="dcterms:W3CDTF">2026-03-04T13:10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lux</vt:lpwstr>
  </property>
  <property fmtid="{D5CDD505-2E9C-101B-9397-08002B2CF9AE}" pid="3" name="TemplafyTemplateId">
    <vt:lpwstr>1104021679173009413</vt:lpwstr>
  </property>
  <property fmtid="{D5CDD505-2E9C-101B-9397-08002B2CF9AE}" pid="4" name="TemplafyUserProfileId">
    <vt:lpwstr>1238976345832685580</vt:lpwstr>
  </property>
  <property fmtid="{D5CDD505-2E9C-101B-9397-08002B2CF9AE}" pid="5" name="TemplafyLanguageCode">
    <vt:lpwstr>hr-HR</vt:lpwstr>
  </property>
  <property fmtid="{D5CDD505-2E9C-101B-9397-08002B2CF9AE}" pid="6" name="TemplafyFromBlank">
    <vt:bool>true</vt:bool>
  </property>
</Properties>
</file>